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0E4414" w:rsidRDefault="008F3A92" w:rsidP="000E4414">
      <w:r>
        <w:t>Projekti: ”pelisaaristo”</w:t>
      </w:r>
    </w:p>
    <w:p w:rsidR="008F3A92" w:rsidRDefault="008F3A92" w:rsidP="000E4414"/>
    <w:p w:rsidR="008F3A92" w:rsidRDefault="008F3A92" w:rsidP="000E4414">
      <w:r>
        <w:t>-Vain yksi iso peli</w:t>
      </w:r>
    </w:p>
    <w:p w:rsidR="008F3A92" w:rsidRDefault="008F3A92" w:rsidP="000E4414">
      <w:r>
        <w:t>-kukin ryhmä tekee yhden saaren</w:t>
      </w:r>
    </w:p>
    <w:p w:rsidR="008F3A92" w:rsidRDefault="008F3A92" w:rsidP="000E4414">
      <w:r>
        <w:t>-ryhmät eivät kilpaile keskenään, vaan kaikki voivat auttaa toisia.</w:t>
      </w:r>
    </w:p>
    <w:p w:rsidR="008F3A92" w:rsidRDefault="008F3A92" w:rsidP="000E4414"/>
    <w:p w:rsidR="008F3A92" w:rsidRDefault="008F3A92" w:rsidP="000E4414">
      <w:r>
        <w:t>-Tämä on näyttö =&gt; saa arvosanan 1-3</w:t>
      </w:r>
    </w:p>
    <w:p w:rsidR="008F3A92" w:rsidRDefault="008F3A92" w:rsidP="000E4414">
      <w:r>
        <w:t>-Opettaja on konsultti (opetusta vain vähän)</w:t>
      </w:r>
    </w:p>
    <w:p w:rsidR="008F3A92" w:rsidRDefault="008F3A92" w:rsidP="000E4414"/>
    <w:p w:rsidR="008F3A92" w:rsidRDefault="008F3A92" w:rsidP="000E4414">
      <w:r>
        <w:t>-</w:t>
      </w:r>
      <w:proofErr w:type="spellStart"/>
      <w:r>
        <w:t>webbisivusto</w:t>
      </w:r>
      <w:proofErr w:type="spellEnd"/>
    </w:p>
    <w:p w:rsidR="008F3A92" w:rsidRDefault="008F3A92" w:rsidP="000E4414">
      <w:r>
        <w:t xml:space="preserve">-toimii palvelimelta (tarvitaan PHP, </w:t>
      </w:r>
      <w:proofErr w:type="spellStart"/>
      <w:r>
        <w:t>Apache</w:t>
      </w:r>
      <w:proofErr w:type="spellEnd"/>
      <w:r>
        <w:t xml:space="preserve"> </w:t>
      </w:r>
      <w:proofErr w:type="spellStart"/>
      <w:r>
        <w:t>Mysql</w:t>
      </w:r>
      <w:proofErr w:type="spellEnd"/>
      <w:r>
        <w:t>)</w:t>
      </w:r>
    </w:p>
    <w:p w:rsidR="008F3A92" w:rsidRDefault="008F3A92" w:rsidP="000E4414"/>
    <w:p w:rsidR="008F3A92" w:rsidRDefault="008F3A92" w:rsidP="000E4414">
      <w:r>
        <w:t>-tarvitaan</w:t>
      </w:r>
    </w:p>
    <w:p w:rsidR="008F3A92" w:rsidRDefault="008F3A92" w:rsidP="000E4414">
      <w:r>
        <w:t>-sessiot (PHP) (palvelimelta)</w:t>
      </w:r>
    </w:p>
    <w:p w:rsidR="008F3A92" w:rsidRDefault="008F3A92" w:rsidP="000E4414">
      <w:r>
        <w:t>-keksejä (</w:t>
      </w:r>
      <w:proofErr w:type="spellStart"/>
      <w:r>
        <w:t>cookies</w:t>
      </w:r>
      <w:proofErr w:type="spellEnd"/>
      <w:r>
        <w:t>) (ei käytetä)</w:t>
      </w:r>
    </w:p>
    <w:p w:rsidR="008F3A92" w:rsidRDefault="008F3A92" w:rsidP="000E4414">
      <w:r>
        <w:t>-</w:t>
      </w:r>
      <w:proofErr w:type="spellStart"/>
      <w:r>
        <w:t>localStorage</w:t>
      </w:r>
      <w:proofErr w:type="spellEnd"/>
      <w:r>
        <w:t xml:space="preserve"> (</w:t>
      </w:r>
      <w:proofErr w:type="spellStart"/>
      <w:r>
        <w:t>js</w:t>
      </w:r>
      <w:proofErr w:type="spellEnd"/>
      <w:r>
        <w:t>) (selaimessa)</w:t>
      </w:r>
    </w:p>
    <w:p w:rsidR="008F3A92" w:rsidRPr="000E4414" w:rsidRDefault="008F3A92" w:rsidP="000E4414">
      <w:r>
        <w:t>-sessionStorage (</w:t>
      </w:r>
      <w:proofErr w:type="spellStart"/>
      <w:r>
        <w:t>js</w:t>
      </w:r>
      <w:proofErr w:type="spellEnd"/>
      <w:r>
        <w:t>) (selaimessa</w:t>
      </w:r>
      <w:bookmarkStart w:id="0" w:name="_GoBack"/>
      <w:bookmarkEnd w:id="0"/>
      <w:r>
        <w:t>)</w:t>
      </w:r>
    </w:p>
    <w:sectPr w:rsidR="008F3A92" w:rsidRPr="000E4414" w:rsidSect="00460699">
      <w:pgSz w:w="11906" w:h="16838" w:code="9"/>
      <w:pgMar w:top="567" w:right="851" w:bottom="1134" w:left="1134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30"/>
  <w:proofState w:spelling="clean" w:grammar="clean"/>
  <w:attachedTemplate r:id="rId1"/>
  <w:defaultTabStop w:val="1304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F3A92"/>
    <w:rsid w:val="000B1F32"/>
    <w:rsid w:val="000E4414"/>
    <w:rsid w:val="00460699"/>
    <w:rsid w:val="008173AD"/>
    <w:rsid w:val="008D5624"/>
    <w:rsid w:val="008F3A92"/>
    <w:rsid w:val="00DF286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2655AE48"/>
  <w15:chartTrackingRefBased/>
  <w15:docId w15:val="{31085D91-7B6F-47D5-92B5-FCACC9106CA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i-FI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styleId="Eivli">
    <w:name w:val="No Spacing"/>
    <w:uiPriority w:val="1"/>
    <w:qFormat/>
    <w:rsid w:val="000E441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600971\Documents\Mukautetut%20Office-mallit\Asiak2.dotx" TargetMode="External"/></Relationships>
</file>

<file path=word/theme/theme1.xml><?xml version="1.0" encoding="utf-8"?>
<a:theme xmlns:a="http://schemas.openxmlformats.org/drawingml/2006/main" name="Office-te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163E4BC-254C-4C70-8F22-B73AFD2866A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siak2.dotx</Template>
  <TotalTime>1232</TotalTime>
  <Pages>1</Pages>
  <Words>47</Words>
  <Characters>388</Characters>
  <Application>Microsoft Office Word</Application>
  <DocSecurity>0</DocSecurity>
  <Lines>3</Lines>
  <Paragraphs>1</Paragraphs>
  <ScaleCrop>false</ScaleCrop>
  <HeadingPairs>
    <vt:vector size="2" baseType="variant">
      <vt:variant>
        <vt:lpstr>Otsikko</vt:lpstr>
      </vt:variant>
      <vt:variant>
        <vt:i4>1</vt:i4>
      </vt:variant>
    </vt:vector>
  </HeadingPairs>
  <TitlesOfParts>
    <vt:vector size="1" baseType="lpstr">
      <vt:lpstr/>
    </vt:vector>
  </TitlesOfParts>
  <Company>Helsinki Business College</Company>
  <LinksUpToDate>false</LinksUpToDate>
  <CharactersWithSpaces>43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eppänen Miikka</dc:creator>
  <cp:keywords/>
  <dc:description/>
  <cp:lastModifiedBy>Leppänen Miikka</cp:lastModifiedBy>
  <cp:revision>1</cp:revision>
  <dcterms:created xsi:type="dcterms:W3CDTF">2017-03-27T09:34:00Z</dcterms:created>
  <dcterms:modified xsi:type="dcterms:W3CDTF">2017-03-28T06:06:00Z</dcterms:modified>
</cp:coreProperties>
</file>